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oirl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744B53E7-5ADD-BA22-2476-9822867F56E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1229" y="4526210"/>
            <a:ext cx="2116185"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chermopname&#10;&#10;Automatisch gegenereerde beschrijving">
            <a:extLst>
              <a:ext uri="{FF2B5EF4-FFF2-40B4-BE49-F238E27FC236}">
                <a16:creationId xmlns:a16="http://schemas.microsoft.com/office/drawing/2014/main" id="{D035F8A3-6D13-4897-169F-B762AF64E88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01935" y="3706870"/>
            <a:ext cx="1612840" cy="160312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3</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15T08:20:37Z</dcterms:modified>
</cp:coreProperties>
</file>